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Z:\eb-corpus\production\eb09\s03\"/>
    </mc:Choice>
  </mc:AlternateContent>
  <bookViews>
    <workbookView xWindow="0" yWindow="0" windowWidth="21570" windowHeight="9510"/>
  </bookViews>
  <sheets>
    <sheet name="s03" sheetId="3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80" uniqueCount="516">
  <si>
    <t>comments</t>
  </si>
  <si>
    <t>p-pg</t>
  </si>
  <si>
    <t>scan-by</t>
  </si>
  <si>
    <t>output-date</t>
  </si>
  <si>
    <t>image-fn.jp2</t>
  </si>
  <si>
    <t>notes-prd</t>
  </si>
  <si>
    <t>tei-fn.xml</t>
  </si>
  <si>
    <t>valid</t>
  </si>
  <si>
    <t>hebrew</t>
  </si>
  <si>
    <t>mathematical equation</t>
  </si>
  <si>
    <t>Greek</t>
  </si>
  <si>
    <t>encyclopediabrit21newyrich_raw_0646</t>
  </si>
  <si>
    <t>encyclopediabrit21newyrich_raw_0647</t>
  </si>
  <si>
    <t>encyclopediabrit21newyrich_raw_0648</t>
  </si>
  <si>
    <t>encyclopediabrit21newyrich_raw_0649</t>
  </si>
  <si>
    <t>encyclopediabrit21newyrich_raw_0650</t>
  </si>
  <si>
    <t>encyclopediabrit21newyrich_raw_0651</t>
  </si>
  <si>
    <t>encyclopediabrit21newyrich_raw_0652</t>
  </si>
  <si>
    <t>encyclopediabrit21newyrich_raw_0653</t>
  </si>
  <si>
    <t>encyclopediabrit21newyrich_raw_0654</t>
  </si>
  <si>
    <t>encyclopediabrit21newyrich_raw_0655</t>
  </si>
  <si>
    <t>encyclopediabrit21newyrich_raw_0656</t>
  </si>
  <si>
    <t>encyclopediabrit21newyrich_raw_0657</t>
  </si>
  <si>
    <t>encyclopediabrit21newyrich_raw_0658</t>
  </si>
  <si>
    <t>encyclopediabrit21newyrich_raw_0659</t>
  </si>
  <si>
    <t>encyclopediabrit21newyrich_raw_0660</t>
  </si>
  <si>
    <t>encyclopediabrit21newyrich_raw_0661</t>
  </si>
  <si>
    <t>encyclopediabrit21newyrich_raw_0662</t>
  </si>
  <si>
    <t>encyclopediabrit21newyrich_raw_0663</t>
  </si>
  <si>
    <t>encyclopediabrit21newyrich_raw_0664</t>
  </si>
  <si>
    <t>encyclopediabrit21newyrich_raw_0665</t>
  </si>
  <si>
    <t>encyclopediabrit21newyrich_raw_0666</t>
  </si>
  <si>
    <t>encyclopediabrit21newyrich_raw_0667</t>
  </si>
  <si>
    <t>encyclopediabrit21newyrich_raw_0668</t>
  </si>
  <si>
    <t>encyclopediabrit21newyrich_raw_0669</t>
  </si>
  <si>
    <t>encyclopediabrit21newyrich_raw_0670</t>
  </si>
  <si>
    <t>encyclopediabrit21newyrich_raw_0671</t>
  </si>
  <si>
    <t>encyclopediabrit21newyrich_raw_0672</t>
  </si>
  <si>
    <t>encyclopediabrit21newyrich_raw_0673</t>
  </si>
  <si>
    <t>encyclopediabrit21newyrich_raw_0674</t>
  </si>
  <si>
    <t>encyclopediabrit21newyrich_raw_0675</t>
  </si>
  <si>
    <t>encyclopediabrit21newyrich_raw_0676</t>
  </si>
  <si>
    <t>encyclopediabrit21newyrich_raw_0677</t>
  </si>
  <si>
    <t>encyclopediabrit21newyrich_raw_0678</t>
  </si>
  <si>
    <t>encyclopediabrit21newyrich_raw_0679</t>
  </si>
  <si>
    <t>encyclopediabrit21newyrich_raw_0680</t>
  </si>
  <si>
    <t>encyclopediabrit21newyrich_raw_0681</t>
  </si>
  <si>
    <t>encyclopediabrit21newyrich_raw_0682</t>
  </si>
  <si>
    <t>encyclopediabrit21newyrich_raw_0683</t>
  </si>
  <si>
    <t>encyclopediabrit21newyrich_raw_0684</t>
  </si>
  <si>
    <t>encyclopediabrit21newyrich_raw_0685</t>
  </si>
  <si>
    <t>encyclopediabrit21newyrich_raw_0686</t>
  </si>
  <si>
    <t>encyclopediabrit21newyrich_raw_0687</t>
  </si>
  <si>
    <t>encyclopediabrit21newyrich_raw_0688</t>
  </si>
  <si>
    <t>encyclopediabrit21newyrich_raw_0689</t>
  </si>
  <si>
    <t>encyclopediabrit21newyrich_raw_0690</t>
  </si>
  <si>
    <t>encyclopediabrit21newyrich_raw_0691</t>
  </si>
  <si>
    <t>encyclopediabrit21newyrich_raw_0692</t>
  </si>
  <si>
    <t>encyclopediabrit21newyrich_raw_0693</t>
  </si>
  <si>
    <t>encyclopediabrit21newyrich_raw_0694</t>
  </si>
  <si>
    <t>encyclopediabrit21newyrich_raw_0695</t>
  </si>
  <si>
    <t>encyclopediabrit21newyrich_raw_0696</t>
  </si>
  <si>
    <t>encyclopediabrit21newyrich_raw_0697</t>
  </si>
  <si>
    <t>encyclopediabrit21newyrich_raw_0698</t>
  </si>
  <si>
    <t>encyclopediabrit21newyrich_raw_0699</t>
  </si>
  <si>
    <t>encyclopediabrit21newyrich_raw_0700</t>
  </si>
  <si>
    <t>encyclopediabrit21newyrich_raw_0701</t>
  </si>
  <si>
    <t>encyclopediabrit21newyrich_raw_0702</t>
  </si>
  <si>
    <t>encyclopediabrit21newyrich_raw_0703</t>
  </si>
  <si>
    <t>encyclopediabrit21newyrich_raw_0704</t>
  </si>
  <si>
    <t>encyclopediabrit21newyrich_raw_0705</t>
  </si>
  <si>
    <t>encyclopediabrit21newyrich_raw_0706</t>
  </si>
  <si>
    <t>encyclopediabrit21newyrich_raw_0707</t>
  </si>
  <si>
    <t>encyclopediabrit21newyrich_raw_0708</t>
  </si>
  <si>
    <t>encyclopediabrit21newyrich_raw_0709</t>
  </si>
  <si>
    <t>encyclopediabrit21newyrich_raw_0710</t>
  </si>
  <si>
    <t>encyclopediabrit21newyrich_raw_0711</t>
  </si>
  <si>
    <t>encyclopediabrit21newyrich_raw_0712</t>
  </si>
  <si>
    <t>encyclopediabrit21newyrich_raw_0713</t>
  </si>
  <si>
    <t>encyclopediabrit21newyrich_raw_0714</t>
  </si>
  <si>
    <t>encyclopediabrit21newyrich_raw_0715</t>
  </si>
  <si>
    <t>encyclopediabrit21newyrich_raw_0716</t>
  </si>
  <si>
    <t>encyclopediabrit21newyrich_raw_0717</t>
  </si>
  <si>
    <t>encyclopediabrit21newyrich_raw_0718</t>
  </si>
  <si>
    <t>encyclopediabrit21newyrich_raw_0719</t>
  </si>
  <si>
    <t>encyclopediabrit21newyrich_raw_0720</t>
  </si>
  <si>
    <t>encyclopediabrit21newyrich_raw_0721</t>
  </si>
  <si>
    <t>encyclopediabrit21newyrich_raw_0722</t>
  </si>
  <si>
    <t>encyclopediabrit21newyrich_raw_0723</t>
  </si>
  <si>
    <t>encyclopediabrit21newyrich_raw_0724</t>
  </si>
  <si>
    <t>encyclopediabrit21newyrich_raw_0725</t>
  </si>
  <si>
    <t>encyclopediabrit21newyrich_raw_0726</t>
  </si>
  <si>
    <t>encyclopediabrit21newyrich_raw_0727</t>
  </si>
  <si>
    <t>encyclopediabrit21newyrich_raw_0728</t>
  </si>
  <si>
    <t>encyclopediabrit21newyrich_raw_0729</t>
  </si>
  <si>
    <t>encyclopediabrit21newyrich_raw_0730</t>
  </si>
  <si>
    <t>encyclopediabrit21newyrich_raw_0731</t>
  </si>
  <si>
    <t>encyclopediabrit21newyrich_raw_0732</t>
  </si>
  <si>
    <t>encyclopediabrit21newyrich_raw_0733</t>
  </si>
  <si>
    <t>encyclopediabrit21newyrich_raw_0734</t>
  </si>
  <si>
    <t>encyclopediabrit21newyrich_raw_0735</t>
  </si>
  <si>
    <t>encyclopediabrit21newyrich_raw_0736</t>
  </si>
  <si>
    <t>encyclopediabrit21newyrich_raw_0737</t>
  </si>
  <si>
    <t>encyclopediabrit21newyrich_raw_0738</t>
  </si>
  <si>
    <t>encyclopediabrit21newyrich_raw_0739</t>
  </si>
  <si>
    <t>encyclopediabrit21newyrich_raw_0740</t>
  </si>
  <si>
    <t>encyclopediabrit21newyrich_raw_0741</t>
  </si>
  <si>
    <t>encyclopediabrit21newyrich_raw_0742</t>
  </si>
  <si>
    <t>encyclopediabrit21newyrich_raw_0743</t>
  </si>
  <si>
    <t>encyclopediabrit21newyrich_raw_0744</t>
  </si>
  <si>
    <t>encyclopediabrit21newyrich_raw_0745</t>
  </si>
  <si>
    <t>encyclopediabrit21newyrich_raw_0746</t>
  </si>
  <si>
    <t>encyclopediabrit21newyrich_raw_0747</t>
  </si>
  <si>
    <t>encyclopediabrit21newyrich_raw_0748</t>
  </si>
  <si>
    <t>encyclopediabrit21newyrich_raw_0749</t>
  </si>
  <si>
    <t>encyclopediabrit21newyrich_raw_0750</t>
  </si>
  <si>
    <t>encyclopediabrit21newyrich_raw_0751</t>
  </si>
  <si>
    <t>encyclopediabrit21newyrich_raw_0752</t>
  </si>
  <si>
    <t>encyclopediabrit21newyrich_raw_0753</t>
  </si>
  <si>
    <t>encyclopediabrit21newyrich_raw_0754</t>
  </si>
  <si>
    <t>encyclopediabrit21newyrich_raw_0755</t>
  </si>
  <si>
    <t>encyclopediabrit21newyrich_raw_0756</t>
  </si>
  <si>
    <t>encyclopediabrit21newyrich_raw_0757</t>
  </si>
  <si>
    <t>encyclopediabrit21newyrich_raw_0758</t>
  </si>
  <si>
    <t>encyclopediabrit21newyrich_raw_0759</t>
  </si>
  <si>
    <t>encyclopediabrit21newyrich_raw_0760</t>
  </si>
  <si>
    <t>encyclopediabrit21newyrich_raw_0761</t>
  </si>
  <si>
    <t>encyclopediabrit21newyrich_raw_0762</t>
  </si>
  <si>
    <t>encyclopediabrit21newyrich_raw_0763</t>
  </si>
  <si>
    <t>encyclopediabrit21newyrich_raw_0764</t>
  </si>
  <si>
    <t>encyclopediabrit21newyrich_raw_0765</t>
  </si>
  <si>
    <t>encyclopediabrit21newyrich_raw_0766</t>
  </si>
  <si>
    <t>encyclopediabrit21newyrich_raw_0767</t>
  </si>
  <si>
    <t>encyclopediabrit21newyrich_raw_0768</t>
  </si>
  <si>
    <t>encyclopediabrit21newyrich_raw_0769</t>
  </si>
  <si>
    <t>encyclopediabrit21newyrich_raw_0770</t>
  </si>
  <si>
    <t>encyclopediabrit21newyrich_raw_0771</t>
  </si>
  <si>
    <t>encyclopediabrit21newyrich_raw_0772</t>
  </si>
  <si>
    <t>encyclopediabrit21newyrich_raw_0773</t>
  </si>
  <si>
    <t>encyclopediabrit21newyrich_raw_0774</t>
  </si>
  <si>
    <t>encyclopediabrit21newyrich_raw_0775</t>
  </si>
  <si>
    <t>encyclopediabrit21newyrich_raw_0776</t>
  </si>
  <si>
    <t>encyclopediabrit21newyrich_raw_0777</t>
  </si>
  <si>
    <t>encyclopediabrit21newyrich_raw_0778</t>
  </si>
  <si>
    <t>encyclopediabrit21newyrich_raw_0779</t>
  </si>
  <si>
    <t>encyclopediabrit21newyrich_raw_0780</t>
  </si>
  <si>
    <t>encyclopediabrit21newyrich_raw_0781</t>
  </si>
  <si>
    <t>encyclopediabrit21newyrich_raw_0782</t>
  </si>
  <si>
    <t>encyclopediabrit21newyrich_raw_0783</t>
  </si>
  <si>
    <t>encyclopediabrit21newyrich_raw_0784</t>
  </si>
  <si>
    <t>encyclopediabrit21newyrich_raw_0785</t>
  </si>
  <si>
    <t>encyclopediabrit21newyrich_raw_0786</t>
  </si>
  <si>
    <t>encyclopediabrit21newyrich_raw_0787</t>
  </si>
  <si>
    <t>encyclopediabrit21newyrich_raw_0788</t>
  </si>
  <si>
    <t>encyclopediabrit21newyrich_raw_0789</t>
  </si>
  <si>
    <t>encyclopediabrit21newyrich_raw_0790</t>
  </si>
  <si>
    <t>encyclopediabrit21newyrich_raw_0791</t>
  </si>
  <si>
    <t>encyclopediabrit21newyrich_raw_0792</t>
  </si>
  <si>
    <t>encyclopediabrit21newyrich_raw_0793</t>
  </si>
  <si>
    <t>encyclopediabrit21newyrich_raw_0794</t>
  </si>
  <si>
    <t>encyclopediabrit21newyrich_raw_0795</t>
  </si>
  <si>
    <t>encyclopediabrit21newyrich_raw_0796</t>
  </si>
  <si>
    <t>encyclopediabrit21newyrich_raw_0797</t>
  </si>
  <si>
    <t>encyclopediabrit21newyrich_raw_0798</t>
  </si>
  <si>
    <t>encyclopediabrit21newyrich_raw_0799</t>
  </si>
  <si>
    <t>encyclopediabrit21newyrich_raw_0800</t>
  </si>
  <si>
    <t>encyclopediabrit21newyrich_raw_0801</t>
  </si>
  <si>
    <t>encyclopediabrit21newyrich_raw_0802</t>
  </si>
  <si>
    <t>encyclopediabrit21newyrich_raw_0803</t>
  </si>
  <si>
    <t>encyclopediabrit21newyrich_raw_0804</t>
  </si>
  <si>
    <t>encyclopediabrit21newyrich_raw_0805</t>
  </si>
  <si>
    <t>encyclopediabrit21newyrich_raw_0806</t>
  </si>
  <si>
    <t>encyclopediabrit21newyrich_raw_0807</t>
  </si>
  <si>
    <t>encyclopediabrit21newyrich_raw_0808</t>
  </si>
  <si>
    <t>encyclopediabrit21newyrich_raw_0809</t>
  </si>
  <si>
    <t>encyclopediabrit21newyrich_raw_0810</t>
  </si>
  <si>
    <t>encyclopediabrit21newyrich_raw_0811</t>
  </si>
  <si>
    <t>encyclopediabrit21newyrich_raw_0812</t>
  </si>
  <si>
    <t>encyclopediabrit21newyrich_raw_0813</t>
  </si>
  <si>
    <t>encyclopediabrit21newyrich_raw_0814</t>
  </si>
  <si>
    <t>encyclopediabrit21newyrich_raw_0815</t>
  </si>
  <si>
    <t>encyclopediabrit21newyrich_raw_0816</t>
  </si>
  <si>
    <t>encyclopediabrit21newyrich_raw_0817</t>
  </si>
  <si>
    <t>encyclopediabrit21newyrich_raw_0818</t>
  </si>
  <si>
    <t>encyclopediabrit21newyrich_raw_0819</t>
  </si>
  <si>
    <t>encyclopediabrit21newyrich_raw_0820</t>
  </si>
  <si>
    <t>encyclopediabrit21newyrich_raw_0821</t>
  </si>
  <si>
    <t>encyclopediabrit21newyrich_raw_0822</t>
  </si>
  <si>
    <t>encyclopediabrit21newyrich_raw_0823</t>
  </si>
  <si>
    <t>encyclopediabrit21newyrich_raw_0824</t>
  </si>
  <si>
    <t>encyclopediabrit21newyrich_raw_0825</t>
  </si>
  <si>
    <t>encyclopediabrit21newyrich_raw_0826</t>
  </si>
  <si>
    <t>encyclopediabrit21newyrich_raw_0827</t>
  </si>
  <si>
    <t>encyclopediabrit21newyrich_raw_0828</t>
  </si>
  <si>
    <t>encyclopediabrit21newyrich_raw_0829</t>
  </si>
  <si>
    <t>encyclopediabrit21newyrich_raw_0830</t>
  </si>
  <si>
    <t>encyclopediabrit21newyrich_raw_0831</t>
  </si>
  <si>
    <t>encyclopediabrit21newyrich_raw_0832</t>
  </si>
  <si>
    <t>encyclopediabrit21newyrich_raw_0833</t>
  </si>
  <si>
    <t>encyclopediabrit21newyrich_raw_0834</t>
  </si>
  <si>
    <t>encyclopediabrit21newyrich_raw_0835</t>
  </si>
  <si>
    <t>encyclopediabrit21newyrich_raw_0836</t>
  </si>
  <si>
    <t>encyclopediabrit21newyrich_raw_0837</t>
  </si>
  <si>
    <t>encyclopediabrit21newyrich_raw_0838</t>
  </si>
  <si>
    <t>encyclopediabrit21newyrich_raw_0839</t>
  </si>
  <si>
    <t>encyclopediabrit21newyrich_raw_0840</t>
  </si>
  <si>
    <t>encyclopediabrit21newyrich_raw_0841</t>
  </si>
  <si>
    <t>encyclopediabrit21newyrich_raw_0842</t>
  </si>
  <si>
    <t>encyclopediabrit21newyrich_raw_0843</t>
  </si>
  <si>
    <t>encyclopediabrit21newyrich_raw_0844</t>
  </si>
  <si>
    <t>encyclopediabrit21newyrich_raw_0845</t>
  </si>
  <si>
    <t>encyclopediabrit21newyrich_raw_0846</t>
  </si>
  <si>
    <t>encyclopediabrit21newyrich_raw_0847</t>
  </si>
  <si>
    <t>encyclopediabrit21newyrich_raw_0848</t>
  </si>
  <si>
    <t>encyclopediabrit21newyrich_raw_0849</t>
  </si>
  <si>
    <t>encyclopediabrit21newyrich_raw_0850</t>
  </si>
  <si>
    <t>encyclopediabrit21newyrich_raw_0851</t>
  </si>
  <si>
    <t>encyclopediabrit21newyrich_raw_0852</t>
  </si>
  <si>
    <t>encyclopediabrit21newyrich_raw_0853</t>
  </si>
  <si>
    <t>encyclopediabrit21newyrich_raw_0854</t>
  </si>
  <si>
    <t>encyclopediabrit21newyrich_raw_0855</t>
  </si>
  <si>
    <t>encyclopediabrit21newyrich_raw_0856</t>
  </si>
  <si>
    <t>encyclopediabrit21newyrich_raw_0857</t>
  </si>
  <si>
    <t>encyclopediabrit21newyrich_raw_0858</t>
  </si>
  <si>
    <t>encyclopediabrit21newyrich_raw_0859</t>
  </si>
  <si>
    <t>encyclopediabrit21newyrich_raw_0860</t>
  </si>
  <si>
    <t>encyclopediabrit21newyrich_raw_0861</t>
  </si>
  <si>
    <t>encyclopediabrit21newyrich_raw_0862</t>
  </si>
  <si>
    <t>encyclopediabrit21newyrich_raw_0863</t>
  </si>
  <si>
    <t>encyclopediabrit21newyrich_raw_0864</t>
  </si>
  <si>
    <t>encyclopediabrit21newyrich_raw_0865</t>
  </si>
  <si>
    <t>encyclopediabrit21newyrich_raw_0866</t>
  </si>
  <si>
    <t>encyclopediabrit21newyrich_raw_0867</t>
  </si>
  <si>
    <t>encyclopediabrit21newyrich_raw_0868</t>
  </si>
  <si>
    <t>encyclopediabrit21newyrich_raw_0869</t>
  </si>
  <si>
    <t>encyclopediabrit21newyrich_raw_0870</t>
  </si>
  <si>
    <t>encyclopediabrit21newyrich_raw_0871</t>
  </si>
  <si>
    <t>encyclopediabrit21newyrich_raw_0872</t>
  </si>
  <si>
    <t>encyclopediabrit21newyrich_raw_0873</t>
  </si>
  <si>
    <t>encyclopediabrit21newyrich_raw_0874</t>
  </si>
  <si>
    <t>encyclopediabrit21newyrich_raw_0875</t>
  </si>
  <si>
    <t>encyclopediabrit21newyrich_raw_0876</t>
  </si>
  <si>
    <t>encyclopediabrit21newyrich_raw_0877</t>
  </si>
  <si>
    <t>encyclopediabrit21newyrich_raw_0878</t>
  </si>
  <si>
    <t>encyclopediabrit21newyrich_raw_0879</t>
  </si>
  <si>
    <t>encyclopediabrit21newyrich_raw_0880</t>
  </si>
  <si>
    <t>encyclopediabrit21newyrich_raw_0881</t>
  </si>
  <si>
    <t>encyclopediabrit21newyrich_raw_0882</t>
  </si>
  <si>
    <t>encyclopediabrit21newyrich_raw_0883</t>
  </si>
  <si>
    <t>encyclopediabrit21newyrich_raw_0884</t>
  </si>
  <si>
    <t>encyclopediabrit21newyrich_raw_0885</t>
  </si>
  <si>
    <t>encyclopediabrit21newyrich_raw_0886</t>
  </si>
  <si>
    <t>encyclopediabrit21newyrich_raw_0887</t>
  </si>
  <si>
    <t>encyclopediabrit21newyrich_raw_0888</t>
  </si>
  <si>
    <t>Hebrew</t>
  </si>
  <si>
    <t>special characters</t>
  </si>
  <si>
    <t>mathematical equations</t>
  </si>
  <si>
    <t>blurry page, need to find new image</t>
  </si>
  <si>
    <t>blurred page, needs to be replaced + footnote in table</t>
  </si>
  <si>
    <t>illegible word right column, hebrew left column</t>
  </si>
  <si>
    <t>hebrew, greek</t>
  </si>
  <si>
    <t>greek</t>
  </si>
  <si>
    <t>greek, footnote in table</t>
  </si>
  <si>
    <t>unrecognizable symbols (shorthand)</t>
  </si>
  <si>
    <t>eb09-s03</t>
  </si>
  <si>
    <t>blank</t>
  </si>
  <si>
    <t>plate</t>
  </si>
  <si>
    <t>p-vol</t>
  </si>
  <si>
    <t>bracket in table</t>
  </si>
  <si>
    <t>bf &amp; tg</t>
  </si>
  <si>
    <t>eb09-s03-0001</t>
  </si>
  <si>
    <t>eb09-s03-0002</t>
  </si>
  <si>
    <t>eb09-s03-0003</t>
  </si>
  <si>
    <t>eb09-s03-0004</t>
  </si>
  <si>
    <t>eb09-s03-0005</t>
  </si>
  <si>
    <t>eb09-s03-0006</t>
  </si>
  <si>
    <t>eb09-s03-0007</t>
  </si>
  <si>
    <t>eb09-s03-0008</t>
  </si>
  <si>
    <t>eb09-s03-0009</t>
  </si>
  <si>
    <t>eb09-s03-0010</t>
  </si>
  <si>
    <t>eb09-s03-0011</t>
  </si>
  <si>
    <t>eb09-s03-0012</t>
  </si>
  <si>
    <t>eb09-s03-0013</t>
  </si>
  <si>
    <t>eb09-s03-0014</t>
  </si>
  <si>
    <t>eb09-s03-0015</t>
  </si>
  <si>
    <t>eb09-s03-0016</t>
  </si>
  <si>
    <t>eb09-s03-0017</t>
  </si>
  <si>
    <t>eb09-s03-0018</t>
  </si>
  <si>
    <t>eb09-s03-0019</t>
  </si>
  <si>
    <t>eb09-s03-0020</t>
  </si>
  <si>
    <t>eb09-s03-0021</t>
  </si>
  <si>
    <t>eb09-s03-0022</t>
  </si>
  <si>
    <t>eb09-s03-0023</t>
  </si>
  <si>
    <t>eb09-s03-0024</t>
  </si>
  <si>
    <t>eb09-s03-0025</t>
  </si>
  <si>
    <t>eb09-s03-0026</t>
  </si>
  <si>
    <t>eb09-s03-0027</t>
  </si>
  <si>
    <t>eb09-s03-0028</t>
  </si>
  <si>
    <t>eb09-s03-0029</t>
  </si>
  <si>
    <t>eb09-s03-0030</t>
  </si>
  <si>
    <t>eb09-s03-0031</t>
  </si>
  <si>
    <t>eb09-s03-0032</t>
  </si>
  <si>
    <t>eb09-s03-0033</t>
  </si>
  <si>
    <t>eb09-s03-0034</t>
  </si>
  <si>
    <t>eb09-s03-0035</t>
  </si>
  <si>
    <t>eb09-s03-0036</t>
  </si>
  <si>
    <t>eb09-s03-0037</t>
  </si>
  <si>
    <t>eb09-s03-0038</t>
  </si>
  <si>
    <t>eb09-s03-0039</t>
  </si>
  <si>
    <t>eb09-s03-0040</t>
  </si>
  <si>
    <t>eb09-s03-0041</t>
  </si>
  <si>
    <t>eb09-s03-0042</t>
  </si>
  <si>
    <t>eb09-s03-0043</t>
  </si>
  <si>
    <t>eb09-s03-0044</t>
  </si>
  <si>
    <t>eb09-s03-0045</t>
  </si>
  <si>
    <t>eb09-s03-0046</t>
  </si>
  <si>
    <t>eb09-s03-0047</t>
  </si>
  <si>
    <t>eb09-s03-0048</t>
  </si>
  <si>
    <t>eb09-s03-0049</t>
  </si>
  <si>
    <t>eb09-s03-0050</t>
  </si>
  <si>
    <t>eb09-s03-0051</t>
  </si>
  <si>
    <t>eb09-s03-0052</t>
  </si>
  <si>
    <t>eb09-s03-0053</t>
  </si>
  <si>
    <t>eb09-s03-0054</t>
  </si>
  <si>
    <t>eb09-s03-0055</t>
  </si>
  <si>
    <t>eb09-s03-0056</t>
  </si>
  <si>
    <t>eb09-s03-0057</t>
  </si>
  <si>
    <t>eb09-s03-0058</t>
  </si>
  <si>
    <t>eb09-s03-0059</t>
  </si>
  <si>
    <t>eb09-s03-0060</t>
  </si>
  <si>
    <t>eb09-s03-0061</t>
  </si>
  <si>
    <t>eb09-s03-0062</t>
  </si>
  <si>
    <t>eb09-s03-0063</t>
  </si>
  <si>
    <t>eb09-s03-0064</t>
  </si>
  <si>
    <t>eb09-s03-0065</t>
  </si>
  <si>
    <t>eb09-s03-0066</t>
  </si>
  <si>
    <t>eb09-s03-0067</t>
  </si>
  <si>
    <t>eb09-s03-0068</t>
  </si>
  <si>
    <t>eb09-s03-0069</t>
  </si>
  <si>
    <t>eb09-s03-0070</t>
  </si>
  <si>
    <t>eb09-s03-0071</t>
  </si>
  <si>
    <t>eb09-s03-0072</t>
  </si>
  <si>
    <t>eb09-s03-0073</t>
  </si>
  <si>
    <t>eb09-s03-0074</t>
  </si>
  <si>
    <t>eb09-s03-0075</t>
  </si>
  <si>
    <t>eb09-s03-0076</t>
  </si>
  <si>
    <t>eb09-s03-0077</t>
  </si>
  <si>
    <t>eb09-s03-0078</t>
  </si>
  <si>
    <t>eb09-s03-0079</t>
  </si>
  <si>
    <t>eb09-s03-0080</t>
  </si>
  <si>
    <t>eb09-s03-0081</t>
  </si>
  <si>
    <t>eb09-s03-0082</t>
  </si>
  <si>
    <t>eb09-s03-0083</t>
  </si>
  <si>
    <t>eb09-s03-0084</t>
  </si>
  <si>
    <t>eb09-s03-0085</t>
  </si>
  <si>
    <t>eb09-s03-0086</t>
  </si>
  <si>
    <t>eb09-s03-0087</t>
  </si>
  <si>
    <t>eb09-s03-0088</t>
  </si>
  <si>
    <t>eb09-s03-0089</t>
  </si>
  <si>
    <t>eb09-s03-0090</t>
  </si>
  <si>
    <t>eb09-s03-0091</t>
  </si>
  <si>
    <t>eb09-s03-0092</t>
  </si>
  <si>
    <t>eb09-s03-0093</t>
  </si>
  <si>
    <t>eb09-s03-0094</t>
  </si>
  <si>
    <t>eb09-s03-0095</t>
  </si>
  <si>
    <t>eb09-s03-0096</t>
  </si>
  <si>
    <t>eb09-s03-0097</t>
  </si>
  <si>
    <t>eb09-s03-0098</t>
  </si>
  <si>
    <t>eb09-s03-0099</t>
  </si>
  <si>
    <t>eb09-s03-0100</t>
  </si>
  <si>
    <t>eb09-s03-0101</t>
  </si>
  <si>
    <t>eb09-s03-0102</t>
  </si>
  <si>
    <t>eb09-s03-0103</t>
  </si>
  <si>
    <t>eb09-s03-0104</t>
  </si>
  <si>
    <t>eb09-s03-0105</t>
  </si>
  <si>
    <t>eb09-s03-0106</t>
  </si>
  <si>
    <t>eb09-s03-0107</t>
  </si>
  <si>
    <t>eb09-s03-0108</t>
  </si>
  <si>
    <t>eb09-s03-0109</t>
  </si>
  <si>
    <t>eb09-s03-0110</t>
  </si>
  <si>
    <t>eb09-s03-0111</t>
  </si>
  <si>
    <t>eb09-s03-0112</t>
  </si>
  <si>
    <t>eb09-s03-0113</t>
  </si>
  <si>
    <t>eb09-s03-0114</t>
  </si>
  <si>
    <t>eb09-s03-0115</t>
  </si>
  <si>
    <t>eb09-s03-0116</t>
  </si>
  <si>
    <t>eb09-s03-0117</t>
  </si>
  <si>
    <t>eb09-s03-0118</t>
  </si>
  <si>
    <t>eb09-s03-0119</t>
  </si>
  <si>
    <t>eb09-s03-0120</t>
  </si>
  <si>
    <t>eb09-s03-0121</t>
  </si>
  <si>
    <t>eb09-s03-0122</t>
  </si>
  <si>
    <t>eb09-s03-0123</t>
  </si>
  <si>
    <t>eb09-s03-0124</t>
  </si>
  <si>
    <t>eb09-s03-0125</t>
  </si>
  <si>
    <t>eb09-s03-0126</t>
  </si>
  <si>
    <t>eb09-s03-0127</t>
  </si>
  <si>
    <t>eb09-s03-0128</t>
  </si>
  <si>
    <t>eb09-s03-0129</t>
  </si>
  <si>
    <t>eb09-s03-0130</t>
  </si>
  <si>
    <t>eb09-s03-0131</t>
  </si>
  <si>
    <t>eb09-s03-0132</t>
  </si>
  <si>
    <t>eb09-s03-0133</t>
  </si>
  <si>
    <t>eb09-s03-0134</t>
  </si>
  <si>
    <t>eb09-s03-0135</t>
  </si>
  <si>
    <t>eb09-s03-0136</t>
  </si>
  <si>
    <t>eb09-s03-0137</t>
  </si>
  <si>
    <t>eb09-s03-0138</t>
  </si>
  <si>
    <t>eb09-s03-0139</t>
  </si>
  <si>
    <t>eb09-s03-0140</t>
  </si>
  <si>
    <t>eb09-s03-0141</t>
  </si>
  <si>
    <t>eb09-s03-0142</t>
  </si>
  <si>
    <t>eb09-s03-0143</t>
  </si>
  <si>
    <t>eb09-s03-0144</t>
  </si>
  <si>
    <t>eb09-s03-0145</t>
  </si>
  <si>
    <t>eb09-s03-0146</t>
  </si>
  <si>
    <t>eb09-s03-0147</t>
  </si>
  <si>
    <t>eb09-s03-0148</t>
  </si>
  <si>
    <t>eb09-s03-0149</t>
  </si>
  <si>
    <t>eb09-s03-0150</t>
  </si>
  <si>
    <t>eb09-s03-0151</t>
  </si>
  <si>
    <t>eb09-s03-0152</t>
  </si>
  <si>
    <t>eb09-s03-0153</t>
  </si>
  <si>
    <t>eb09-s03-0154</t>
  </si>
  <si>
    <t>eb09-s03-0155</t>
  </si>
  <si>
    <t>eb09-s03-0156</t>
  </si>
  <si>
    <t>eb09-s03-0157</t>
  </si>
  <si>
    <t>eb09-s03-0158</t>
  </si>
  <si>
    <t>eb09-s03-0159</t>
  </si>
  <si>
    <t>eb09-s03-0160</t>
  </si>
  <si>
    <t>eb09-s03-0161</t>
  </si>
  <si>
    <t>eb09-s03-0162</t>
  </si>
  <si>
    <t>eb09-s03-0163</t>
  </si>
  <si>
    <t>eb09-s03-0164</t>
  </si>
  <si>
    <t>eb09-s03-0165</t>
  </si>
  <si>
    <t>eb09-s03-0166</t>
  </si>
  <si>
    <t>eb09-s03-0167</t>
  </si>
  <si>
    <t>eb09-s03-0168</t>
  </si>
  <si>
    <t>eb09-s03-0169</t>
  </si>
  <si>
    <t>eb09-s03-0170</t>
  </si>
  <si>
    <t>eb09-s03-0171</t>
  </si>
  <si>
    <t>eb09-s03-0172</t>
  </si>
  <si>
    <t>eb09-s03-0173</t>
  </si>
  <si>
    <t>eb09-s03-0174</t>
  </si>
  <si>
    <t>eb09-s03-0175</t>
  </si>
  <si>
    <t>eb09-s03-0176</t>
  </si>
  <si>
    <t>eb09-s03-0177</t>
  </si>
  <si>
    <t>eb09-s03-0178</t>
  </si>
  <si>
    <t>eb09-s03-0179</t>
  </si>
  <si>
    <t>eb09-s03-0180</t>
  </si>
  <si>
    <t>eb09-s03-0181</t>
  </si>
  <si>
    <t>eb09-s03-0182</t>
  </si>
  <si>
    <t>eb09-s03-0183</t>
  </si>
  <si>
    <t>eb09-s03-0184</t>
  </si>
  <si>
    <t>eb09-s03-0185</t>
  </si>
  <si>
    <t>eb09-s03-0186</t>
  </si>
  <si>
    <t>eb09-s03-0187</t>
  </si>
  <si>
    <t>eb09-s03-0188</t>
  </si>
  <si>
    <t>eb09-s03-0189</t>
  </si>
  <si>
    <t>eb09-s03-0190</t>
  </si>
  <si>
    <t>eb09-s03-0191</t>
  </si>
  <si>
    <t>eb09-s03-0192</t>
  </si>
  <si>
    <t>eb09-s03-0193</t>
  </si>
  <si>
    <t>eb09-s03-0194</t>
  </si>
  <si>
    <t>eb09-s03-0195</t>
  </si>
  <si>
    <t>eb09-s03-0196</t>
  </si>
  <si>
    <t>eb09-s03-0197</t>
  </si>
  <si>
    <t>eb09-s03-0198</t>
  </si>
  <si>
    <t>eb09-s03-0199</t>
  </si>
  <si>
    <t>eb09-s03-0200</t>
  </si>
  <si>
    <t>eb09-s03-0201</t>
  </si>
  <si>
    <t>eb09-s03-0202</t>
  </si>
  <si>
    <t>eb09-s03-0203</t>
  </si>
  <si>
    <t>eb09-s03-0204</t>
  </si>
  <si>
    <t>eb09-s03-0205</t>
  </si>
  <si>
    <t>eb09-s03-0206</t>
  </si>
  <si>
    <t>eb09-s03-0207</t>
  </si>
  <si>
    <t>eb09-s03-0208</t>
  </si>
  <si>
    <t>eb09-s03-0209</t>
  </si>
  <si>
    <t>eb09-s03-0210</t>
  </si>
  <si>
    <t>eb09-s03-0211</t>
  </si>
  <si>
    <t>eb09-s03-0212</t>
  </si>
  <si>
    <t>eb09-s03-0213</t>
  </si>
  <si>
    <t>eb09-s03-0214</t>
  </si>
  <si>
    <t>eb09-s03-0215</t>
  </si>
  <si>
    <t>eb09-s03-0216</t>
  </si>
  <si>
    <t>eb09-s03-0217</t>
  </si>
  <si>
    <t>eb09-s03-0218</t>
  </si>
  <si>
    <t>eb09-s03-0219</t>
  </si>
  <si>
    <t>eb09-s03-0220</t>
  </si>
  <si>
    <t>eb09-s03-0221</t>
  </si>
  <si>
    <t>eb09-s03-0222</t>
  </si>
  <si>
    <t>eb09-s03-0223</t>
  </si>
  <si>
    <t>eb09-s03-0224</t>
  </si>
  <si>
    <t>eb09-s03-0225</t>
  </si>
  <si>
    <t>eb09-s03-0226</t>
  </si>
  <si>
    <t>eb09-s03-0227</t>
  </si>
  <si>
    <t>eb09-s03-0228</t>
  </si>
  <si>
    <t>eb09-s03-0229</t>
  </si>
  <si>
    <t>eb09-s03-0230</t>
  </si>
  <si>
    <t>eb09-s03-0231</t>
  </si>
  <si>
    <t>eb09-s03-0232</t>
  </si>
  <si>
    <t>eb09-s03-0233</t>
  </si>
  <si>
    <t>eb09-s03-0234</t>
  </si>
  <si>
    <t>eb09-s03-0235</t>
  </si>
  <si>
    <t>eb09-s03-0236</t>
  </si>
  <si>
    <t>eb09-s03-0237</t>
  </si>
  <si>
    <t>eb09-s03-0238</t>
  </si>
  <si>
    <t>eb09-s03-0239</t>
  </si>
  <si>
    <t>eb09-s03-0240</t>
  </si>
  <si>
    <t>eb09-s03-0241</t>
  </si>
  <si>
    <t>eb09-s03-0242</t>
  </si>
  <si>
    <t>eb09-s03-0243</t>
  </si>
  <si>
    <t>runover of SEDITION; entry stub fixed.</t>
  </si>
  <si>
    <t>SIAM entry ends with page; end of vol. 21; no stub.</t>
  </si>
  <si>
    <t>output-fn.doc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mm/dd/yy;@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6">
    <xf numFmtId="0" fontId="0" fillId="0" borderId="0" xfId="0"/>
    <xf numFmtId="0" fontId="0" fillId="0" borderId="0" xfId="0" applyAlignment="1">
      <alignment horizontal="left"/>
    </xf>
    <xf numFmtId="0" fontId="0" fillId="0" borderId="0" xfId="0" applyAlignment="1">
      <alignment horizontal="left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0" fillId="0" borderId="0" xfId="0" applyAlignment="1">
      <alignment horizontal="center"/>
    </xf>
    <xf numFmtId="0" fontId="0" fillId="0" borderId="0" xfId="0" applyFill="1" applyAlignment="1">
      <alignment horizontal="left"/>
    </xf>
    <xf numFmtId="0" fontId="1" fillId="0" borderId="0" xfId="0" applyFont="1" applyAlignment="1">
      <alignment horizontal="right"/>
    </xf>
    <xf numFmtId="0" fontId="0" fillId="0" borderId="0" xfId="0" applyAlignment="1">
      <alignment horizontal="right"/>
    </xf>
    <xf numFmtId="14" fontId="0" fillId="0" borderId="0" xfId="0" applyNumberFormat="1"/>
    <xf numFmtId="14" fontId="0" fillId="0" borderId="0" xfId="0" applyNumberFormat="1" applyAlignment="1">
      <alignment horizontal="center"/>
    </xf>
    <xf numFmtId="0" fontId="1" fillId="0" borderId="0" xfId="0" applyFont="1" applyFill="1" applyAlignment="1">
      <alignment horizontal="left" indent="2"/>
    </xf>
    <xf numFmtId="0" fontId="0" fillId="0" borderId="0" xfId="0" applyFill="1" applyAlignment="1">
      <alignment horizontal="left" indent="2"/>
    </xf>
    <xf numFmtId="164" fontId="1" fillId="0" borderId="0" xfId="0" applyNumberFormat="1" applyFont="1" applyAlignment="1">
      <alignment horizontal="left"/>
    </xf>
    <xf numFmtId="164" fontId="1" fillId="0" borderId="0" xfId="0" applyNumberFormat="1" applyFont="1" applyFill="1" applyAlignment="1">
      <alignment horizontal="left" indent="2"/>
    </xf>
    <xf numFmtId="164" fontId="1" fillId="0" borderId="0" xfId="0" applyNumberFormat="1" applyFont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03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eter.logan@temple.edu</dc:creator>
  <cp:lastModifiedBy>Peter Logan</cp:lastModifiedBy>
  <dcterms:created xsi:type="dcterms:W3CDTF">2016-05-12T16:11:50Z</dcterms:created>
  <dcterms:modified xsi:type="dcterms:W3CDTF">2019-02-12T19:41:22Z</dcterms:modified>
</cp:coreProperties>
</file>